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21" uniqueCount="342">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三原医院</t>
    <phoneticPr fontId="3"/>
  </si>
  <si>
    <t>〒693-0001 出雲市今市町１６０５</t>
    <phoneticPr fontId="3"/>
  </si>
  <si>
    <t>〇</t>
  </si>
  <si>
    <t>個人</t>
  </si>
  <si>
    <t>産婦人科</t>
  </si>
  <si>
    <t>有</t>
  </si>
  <si>
    <t>無</t>
  </si>
  <si>
    <t>*</t>
  </si>
  <si>
    <t>診療時間やアクセス方法等の情報はこちら</t>
  </si>
  <si>
    <t>ｗ</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0451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R11" sqref="R1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t="s">
        <v>341</v>
      </c>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40</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2</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4</v>
      </c>
      <c r="K157" s="99" t="str">
        <f t="shared" ref="K157:K172" si="1">IF(OR(COUNTIF(L157:O157,"未確認")&gt;0,COUNTIF(L157:O157,"*")&gt;0),"※","")</f>
        <v/>
      </c>
      <c r="L157" s="167">
        <v>2</v>
      </c>
      <c r="M157" s="167">
        <v>0</v>
      </c>
      <c r="N157" s="167">
        <v>2</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4</v>
      </c>
      <c r="K159" s="99" t="str">
        <f t="shared" si="1"/>
        <v/>
      </c>
      <c r="L159" s="167">
        <v>2</v>
      </c>
      <c r="M159" s="167">
        <v>0</v>
      </c>
      <c r="N159" s="167">
        <v>2</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8</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334</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1</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1</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1</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1</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1</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1</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1</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1</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1</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33</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503</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t="s">
        <v>339</v>
      </c>
      <c r="K327" s="99" t="str">
        <f t="shared" ref="K327:K332" si="3">IF(OR(COUNTIF(J327,"未確認")&gt;0,COUNTIF(J327,"*")&gt;0),"※","")</f>
        <v>※</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t="s">
        <v>339</v>
      </c>
      <c r="K329" s="99" t="str">
        <f t="shared" si="3"/>
        <v>※</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t="s">
        <v>339</v>
      </c>
      <c r="K330" s="99" t="str">
        <f t="shared" si="3"/>
        <v>※</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t="s">
        <v>339</v>
      </c>
      <c r="K331" s="99" t="str">
        <f t="shared" si="3"/>
        <v>※</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t="s">
        <v>339</v>
      </c>
      <c r="K373" s="99" t="str">
        <f t="shared" ref="K373:K377" si="5">IF(OR(COUNTIF(J373,"未確認")&gt;0,COUNTIF(J373,"*")&gt;0),"※","")</f>
        <v>※</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19:08Z</cp:lastPrinted>
  <dcterms:created xsi:type="dcterms:W3CDTF">2019-03-05T11:12:49Z</dcterms:created>
  <dcterms:modified xsi:type="dcterms:W3CDTF">2021-05-24T00:19:09Z</dcterms:modified>
</cp:coreProperties>
</file>